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Blank"/>
        <w:tblW w:w="5000" w:type="pct"/>
        <w:tblLayout w:type="fixed"/>
        <w:tblLook w:val="04A0" w:firstRow="1" w:lastRow="0" w:firstColumn="1" w:lastColumn="0" w:noHBand="0" w:noVBand="1"/>
      </w:tblPr>
      <w:tblGrid>
        <w:gridCol w:w="7369"/>
      </w:tblGrid>
      <w:tr w:rsidR="00655B49" w:rsidTr="00C62470">
        <w:trPr>
          <w:trHeight w:val="567"/>
        </w:trPr>
        <w:tc>
          <w:tcPr>
            <w:tcW w:w="7938" w:type="dxa"/>
          </w:tcPr>
          <w:sdt>
            <w:sdtPr>
              <w:alias w:val="Mødeindkaldelse"/>
              <w:tag w:val="{&quot;templafy&quot;:{&quot;id&quot;:&quot;0f62da1e-39b4-4afc-aae4-3d0a22421bf2&quot;}}"/>
              <w:id w:val="-397662676"/>
              <w:placeholder>
                <w:docPart w:val="DefaultPlaceholder_-1854013440"/>
              </w:placeholder>
            </w:sdtPr>
            <w:sdtEndPr/>
            <w:sdtContent>
              <w:p w:rsidR="00C66942" w:rsidRDefault="00672948">
                <w:pPr>
                  <w:pStyle w:val="DocumentName"/>
                </w:pPr>
                <w:r>
                  <w:t>Mødeindkaldelse</w:t>
                </w:r>
              </w:p>
            </w:sdtContent>
          </w:sdt>
        </w:tc>
      </w:tr>
      <w:tr w:rsidR="00C43E57" w:rsidTr="00C62470">
        <w:trPr>
          <w:trHeight w:val="1690"/>
        </w:trPr>
        <w:tc>
          <w:tcPr>
            <w:tcW w:w="7938" w:type="dxa"/>
          </w:tcPr>
          <w:p w:rsidR="00C43E57" w:rsidRDefault="00085A36" w:rsidP="00085A36">
            <w:pPr>
              <w:pStyle w:val="Udvalg"/>
            </w:pPr>
            <w:r>
              <w:t xml:space="preserve">Akademisk Råd </w:t>
            </w:r>
          </w:p>
          <w:p w:rsidR="00085A36" w:rsidRPr="00085A36" w:rsidRDefault="00085A36" w:rsidP="00085A36">
            <w:r>
              <w:t>Møde nr. 84, 21. april 2023</w:t>
            </w:r>
          </w:p>
        </w:tc>
      </w:tr>
      <w:tr w:rsidR="00B94904" w:rsidRPr="004E601A" w:rsidTr="00C62470">
        <w:trPr>
          <w:trHeight w:val="1074"/>
          <w:hidden/>
        </w:trPr>
        <w:tc>
          <w:tcPr>
            <w:tcW w:w="7938" w:type="dxa"/>
          </w:tcPr>
          <w:sdt>
            <w:sdtPr>
              <w:rPr>
                <w:vanish/>
              </w:rPr>
              <w:alias w:val="Classification"/>
              <w:tag w:val="{&quot;templafy&quot;:{&quot;id&quot;:&quot;1ac86356-171f-4d05-a5d3-c3c9683cc469&quot;}}"/>
              <w:id w:val="-263610640"/>
              <w:placeholder>
                <w:docPart w:val="991066F3DDDB408ABBF0FECB0A4E8C68"/>
              </w:placeholder>
            </w:sdtPr>
            <w:sdtEndPr/>
            <w:sdtContent>
              <w:p w:rsidR="00C66942" w:rsidRDefault="00672948">
                <w:pPr>
                  <w:pStyle w:val="Confidentiality"/>
                  <w:rPr>
                    <w:vanish/>
                  </w:rPr>
                </w:pPr>
                <w:r>
                  <w:rPr>
                    <w:vanish/>
                  </w:rPr>
                  <w:t xml:space="preserve"> </w:t>
                </w:r>
              </w:p>
            </w:sdtContent>
          </w:sdt>
        </w:tc>
      </w:tr>
    </w:tbl>
    <w:sdt>
      <w:sdtPr>
        <w:alias w:val="Deltagere"/>
        <w:tag w:val="{&quot;templafy&quot;:{&quot;id&quot;:&quot;780da24e-d08d-42a7-b8a2-180c0d524ada&quot;}}"/>
        <w:id w:val="845516561"/>
        <w:placeholder>
          <w:docPart w:val="21B3B4C3884541FDAB76FFB9A1143F4F"/>
        </w:placeholder>
      </w:sdtPr>
      <w:sdtEndPr/>
      <w:sdtContent>
        <w:p w:rsidR="00C66942" w:rsidRDefault="00672948">
          <w:pPr>
            <w:pStyle w:val="Tilstedefravrende"/>
          </w:pPr>
          <w:r>
            <w:t>Mødedeltagere</w:t>
          </w:r>
        </w:p>
      </w:sdtContent>
    </w:sdt>
    <w:p w:rsidR="00C246D0" w:rsidRDefault="00085A36" w:rsidP="00C246D0">
      <w:r>
        <w:t>Medlemmer af Akademisk Råd</w:t>
      </w:r>
    </w:p>
    <w:p w:rsidR="00C246D0" w:rsidRDefault="00C246D0" w:rsidP="00C246D0"/>
    <w:p w:rsidR="00B24E70" w:rsidRDefault="00085A36" w:rsidP="00397C30">
      <w:pPr>
        <w:pStyle w:val="Heading1"/>
      </w:pPr>
      <w:r>
        <w:t>Akademisk Råd, møde nr. 84</w:t>
      </w:r>
    </w:p>
    <w:sdt>
      <w:sdtPr>
        <w:alias w:val="Dagsorden"/>
        <w:tag w:val="{&quot;templafy&quot;:{&quot;id&quot;:&quot;8f250c5e-35f2-4416-a866-8b879b9c275e&quot;}}"/>
        <w:id w:val="-1143337910"/>
        <w:placeholder>
          <w:docPart w:val="DefaultPlaceholder_-1854013440"/>
        </w:placeholder>
      </w:sdtPr>
      <w:sdtEndPr/>
      <w:sdtContent>
        <w:p w:rsidR="00C66942" w:rsidRDefault="00672948">
          <w:pPr>
            <w:pStyle w:val="Heading2"/>
          </w:pPr>
          <w:r>
            <w:t>Dagsorden</w:t>
          </w:r>
        </w:p>
      </w:sdtContent>
    </w:sdt>
    <w:p w:rsidR="003467C7" w:rsidRDefault="003467C7" w:rsidP="003467C7">
      <w:pPr>
        <w:pStyle w:val="ListParagraph"/>
        <w:numPr>
          <w:ilvl w:val="0"/>
          <w:numId w:val="13"/>
        </w:numPr>
      </w:pPr>
      <w:r>
        <w:t>Vedtagelse af dagsorden v. rektor</w:t>
      </w:r>
    </w:p>
    <w:p w:rsidR="002E793E" w:rsidRDefault="003467C7" w:rsidP="0090540F">
      <w:pPr>
        <w:pStyle w:val="ListParagraph"/>
        <w:numPr>
          <w:ilvl w:val="0"/>
          <w:numId w:val="13"/>
        </w:numPr>
      </w:pPr>
      <w:r>
        <w:t>Godkendelse af referat fra sidste møde</w:t>
      </w:r>
      <w:r w:rsidR="009E3D44">
        <w:t xml:space="preserve">, </w:t>
      </w:r>
    </w:p>
    <w:p w:rsidR="009E3D44" w:rsidRDefault="009E3D44" w:rsidP="002E793E">
      <w:pPr>
        <w:pStyle w:val="ListParagraph"/>
      </w:pPr>
      <w:r w:rsidRPr="009E3D44">
        <w:rPr>
          <w:i/>
        </w:rPr>
        <w:t>Bilag AR-1223</w:t>
      </w:r>
      <w:r w:rsidR="002E793E">
        <w:rPr>
          <w:i/>
        </w:rPr>
        <w:t>: Referat fra møde nr. 83</w:t>
      </w:r>
    </w:p>
    <w:p w:rsidR="009E3D44" w:rsidRDefault="00D06E4F" w:rsidP="003467C7">
      <w:pPr>
        <w:pStyle w:val="ListParagraph"/>
        <w:numPr>
          <w:ilvl w:val="0"/>
          <w:numId w:val="13"/>
        </w:numPr>
      </w:pPr>
      <w:r>
        <w:t xml:space="preserve">12.40. </w:t>
      </w:r>
      <w:r w:rsidR="003467C7">
        <w:t>DTU’s årsrapport og årsregnskab 2022 v. Claus Nielsen</w:t>
      </w:r>
      <w:r w:rsidR="009E3D44">
        <w:t xml:space="preserve">, </w:t>
      </w:r>
    </w:p>
    <w:p w:rsidR="00C62470" w:rsidRDefault="009E3D44" w:rsidP="009E3D44">
      <w:pPr>
        <w:pStyle w:val="ListParagraph"/>
      </w:pPr>
      <w:r>
        <w:rPr>
          <w:i/>
        </w:rPr>
        <w:t>Bilag AR-1224: DTU’s årsrapport 2022</w:t>
      </w:r>
      <w:r w:rsidR="00E341C9">
        <w:rPr>
          <w:i/>
        </w:rPr>
        <w:t xml:space="preserve"> </w:t>
      </w:r>
      <w:r w:rsidR="00E341C9" w:rsidRPr="00370784">
        <w:rPr>
          <w:i/>
        </w:rPr>
        <w:t>(vedlagt i separat fil)</w:t>
      </w:r>
    </w:p>
    <w:p w:rsidR="009E3D44" w:rsidRDefault="00D06E4F" w:rsidP="00D06E4F">
      <w:pPr>
        <w:pStyle w:val="ListParagraph"/>
        <w:numPr>
          <w:ilvl w:val="0"/>
          <w:numId w:val="13"/>
        </w:numPr>
      </w:pPr>
      <w:r>
        <w:t xml:space="preserve">13.10: </w:t>
      </w:r>
      <w:r w:rsidR="009E3D44">
        <w:t>Orientering</w:t>
      </w:r>
      <w:r w:rsidR="003467C7">
        <w:t xml:space="preserve">: DTU’s nye politik for </w:t>
      </w:r>
      <w:r w:rsidR="009E3D44">
        <w:t xml:space="preserve">datamanagement v. Rasmus Larsen, </w:t>
      </w:r>
    </w:p>
    <w:p w:rsidR="003467C7" w:rsidRDefault="009E3D44" w:rsidP="009E3D44">
      <w:pPr>
        <w:pStyle w:val="ListParagraph"/>
      </w:pPr>
      <w:r>
        <w:rPr>
          <w:i/>
        </w:rPr>
        <w:t>Bilag AR-1225: DTU’s politik for datamanagement</w:t>
      </w:r>
      <w:r w:rsidR="00370784">
        <w:rPr>
          <w:i/>
        </w:rPr>
        <w:t xml:space="preserve"> (vedlagt i separat fil)</w:t>
      </w:r>
    </w:p>
    <w:p w:rsidR="00E341C9" w:rsidRDefault="00D06E4F" w:rsidP="003467C7">
      <w:pPr>
        <w:pStyle w:val="ListParagraph"/>
        <w:numPr>
          <w:ilvl w:val="0"/>
          <w:numId w:val="13"/>
        </w:numPr>
      </w:pPr>
      <w:r>
        <w:t>1</w:t>
      </w:r>
      <w:r w:rsidR="00633ADE">
        <w:t>3.45: Temadrøftelse: DTU’s ledelses</w:t>
      </w:r>
      <w:r>
        <w:t xml:space="preserve">grundlag v. rektor(?) </w:t>
      </w:r>
    </w:p>
    <w:p w:rsidR="00D06E4F" w:rsidRDefault="00E341C9" w:rsidP="00E341C9">
      <w:pPr>
        <w:pStyle w:val="ListParagraph"/>
        <w:rPr>
          <w:i/>
        </w:rPr>
      </w:pPr>
      <w:r>
        <w:rPr>
          <w:i/>
        </w:rPr>
        <w:t xml:space="preserve">Bilag AR-1226: DTU’s ledelsesgrundlag </w:t>
      </w:r>
    </w:p>
    <w:p w:rsidR="00E341C9" w:rsidRDefault="00E341C9" w:rsidP="00E341C9">
      <w:pPr>
        <w:pStyle w:val="ListParagraph"/>
      </w:pPr>
      <w:r>
        <w:rPr>
          <w:i/>
        </w:rPr>
        <w:t>Bilag AR-1227: præsentation af DTU’s ledelsesgrundlag</w:t>
      </w:r>
    </w:p>
    <w:p w:rsidR="003467C7" w:rsidRDefault="003467C7" w:rsidP="003467C7">
      <w:pPr>
        <w:pStyle w:val="ListParagraph"/>
        <w:numPr>
          <w:ilvl w:val="0"/>
          <w:numId w:val="13"/>
        </w:numPr>
      </w:pPr>
      <w:r>
        <w:t>Sager behandlet skriftligt herunder professoropslag, -bedømmelsesudvalg og adjungeringssager</w:t>
      </w:r>
    </w:p>
    <w:p w:rsidR="003467C7" w:rsidRDefault="003467C7" w:rsidP="003467C7">
      <w:pPr>
        <w:pStyle w:val="ListParagraph"/>
        <w:numPr>
          <w:ilvl w:val="1"/>
          <w:numId w:val="13"/>
        </w:numPr>
      </w:pPr>
      <w:r>
        <w:t>Professoropslag</w:t>
      </w:r>
    </w:p>
    <w:p w:rsidR="00E341C9" w:rsidRDefault="00E341C9" w:rsidP="00E341C9">
      <w:pPr>
        <w:pStyle w:val="ListParagraph"/>
        <w:ind w:left="1440"/>
      </w:pPr>
      <w:r>
        <w:rPr>
          <w:i/>
        </w:rPr>
        <w:t>Bilag AR-1228: professoropslag</w:t>
      </w:r>
    </w:p>
    <w:p w:rsidR="003467C7" w:rsidRDefault="003467C7" w:rsidP="003467C7">
      <w:pPr>
        <w:pStyle w:val="ListParagraph"/>
        <w:numPr>
          <w:ilvl w:val="1"/>
          <w:numId w:val="13"/>
        </w:numPr>
      </w:pPr>
      <w:r>
        <w:t xml:space="preserve">Professorbedømmelsesudvalg </w:t>
      </w:r>
    </w:p>
    <w:p w:rsidR="00E341C9" w:rsidRPr="00E341C9" w:rsidRDefault="00E341C9" w:rsidP="00E341C9">
      <w:pPr>
        <w:pStyle w:val="ListParagraph"/>
        <w:ind w:left="1440"/>
        <w:rPr>
          <w:i/>
        </w:rPr>
      </w:pPr>
      <w:r w:rsidRPr="00E341C9">
        <w:rPr>
          <w:i/>
        </w:rPr>
        <w:t xml:space="preserve">Bilag AR-1229: </w:t>
      </w:r>
      <w:r w:rsidRPr="00E341C9">
        <w:rPr>
          <w:i/>
        </w:rPr>
        <w:t xml:space="preserve">Professorbedømmelsesudvalg </w:t>
      </w:r>
    </w:p>
    <w:p w:rsidR="00E341C9" w:rsidRPr="00E341C9" w:rsidRDefault="00E341C9" w:rsidP="00E341C9">
      <w:pPr>
        <w:pStyle w:val="ListParagraph"/>
        <w:ind w:left="1440"/>
        <w:rPr>
          <w:i/>
        </w:rPr>
      </w:pPr>
      <w:r w:rsidRPr="00E341C9">
        <w:rPr>
          <w:i/>
        </w:rPr>
        <w:t>Bilag AR-1230: CV’er for medlemmer af professorbedømmelsesudvalg (vedlagt i separat fil)</w:t>
      </w:r>
    </w:p>
    <w:p w:rsidR="003467C7" w:rsidRDefault="003467C7" w:rsidP="003467C7">
      <w:pPr>
        <w:pStyle w:val="ListParagraph"/>
        <w:numPr>
          <w:ilvl w:val="1"/>
          <w:numId w:val="13"/>
        </w:numPr>
      </w:pPr>
      <w:r>
        <w:t>C.A. Hagemanns fonds bestyrelse</w:t>
      </w:r>
    </w:p>
    <w:p w:rsidR="00E341C9" w:rsidRPr="00E341C9" w:rsidRDefault="00E341C9" w:rsidP="00E341C9">
      <w:pPr>
        <w:pStyle w:val="ListParagraph"/>
        <w:ind w:left="1440"/>
        <w:rPr>
          <w:i/>
        </w:rPr>
      </w:pPr>
      <w:r>
        <w:rPr>
          <w:i/>
        </w:rPr>
        <w:t>Bilag AR-</w:t>
      </w:r>
      <w:r w:rsidRPr="00E341C9">
        <w:rPr>
          <w:i/>
        </w:rPr>
        <w:t>1231: Liste over sager behandlet skriftligt i perioden…</w:t>
      </w:r>
    </w:p>
    <w:p w:rsidR="00E341C9" w:rsidRDefault="003467C7" w:rsidP="00E341C9">
      <w:pPr>
        <w:pStyle w:val="ListParagraph"/>
        <w:numPr>
          <w:ilvl w:val="1"/>
          <w:numId w:val="13"/>
        </w:numPr>
      </w:pPr>
      <w:r>
        <w:t xml:space="preserve">Adjungeringssager </w:t>
      </w:r>
    </w:p>
    <w:p w:rsidR="00E341C9" w:rsidRPr="00E341C9" w:rsidRDefault="00E341C9" w:rsidP="00E341C9">
      <w:pPr>
        <w:pStyle w:val="ListParagraph"/>
        <w:ind w:left="1440"/>
        <w:rPr>
          <w:i/>
        </w:rPr>
      </w:pPr>
      <w:r>
        <w:rPr>
          <w:i/>
        </w:rPr>
        <w:t>Bilag AR-</w:t>
      </w:r>
      <w:r w:rsidRPr="00E341C9">
        <w:rPr>
          <w:i/>
        </w:rPr>
        <w:t>1231: Liste over sager behandlet skriftligt i perioden…</w:t>
      </w:r>
    </w:p>
    <w:p w:rsidR="00672948" w:rsidRDefault="00672948" w:rsidP="00672948">
      <w:pPr>
        <w:pStyle w:val="ListParagraph"/>
        <w:numPr>
          <w:ilvl w:val="1"/>
          <w:numId w:val="13"/>
        </w:numPr>
      </w:pPr>
      <w:r>
        <w:t>R</w:t>
      </w:r>
      <w:r w:rsidR="003467C7">
        <w:t>evidering af retningslinjer for adjung</w:t>
      </w:r>
      <w:r w:rsidR="002C6597">
        <w:t>e</w:t>
      </w:r>
      <w:r w:rsidR="003467C7">
        <w:t xml:space="preserve">rede prof./lekt. </w:t>
      </w:r>
      <w:r>
        <w:t>–drøftelse udskydes af tidshensyn</w:t>
      </w:r>
      <w:r w:rsidR="0009772C">
        <w:t xml:space="preserve"> </w:t>
      </w:r>
    </w:p>
    <w:p w:rsidR="00672948" w:rsidRDefault="00672948" w:rsidP="00672948">
      <w:pPr>
        <w:pStyle w:val="ListParagraph"/>
        <w:numPr>
          <w:ilvl w:val="0"/>
          <w:numId w:val="13"/>
        </w:numPr>
      </w:pPr>
      <w:r>
        <w:lastRenderedPageBreak/>
        <w:t>Rektors mundtlige meddelelser, herunder professorudnævnelser</w:t>
      </w:r>
      <w:r w:rsidR="00D06E4F">
        <w:t xml:space="preserve"> (punkter kan bortfalde ved tidsnød)</w:t>
      </w:r>
    </w:p>
    <w:p w:rsidR="00672948" w:rsidRDefault="00672948" w:rsidP="00672948">
      <w:pPr>
        <w:pStyle w:val="ListParagraph"/>
        <w:numPr>
          <w:ilvl w:val="1"/>
          <w:numId w:val="13"/>
        </w:numPr>
      </w:pPr>
      <w:r>
        <w:t xml:space="preserve">Professorudnævnelser siden sidst </w:t>
      </w:r>
    </w:p>
    <w:p w:rsidR="00E341C9" w:rsidRPr="00E341C9" w:rsidRDefault="00E341C9" w:rsidP="00E341C9">
      <w:pPr>
        <w:pStyle w:val="ListParagraph"/>
        <w:ind w:left="1440"/>
        <w:rPr>
          <w:i/>
        </w:rPr>
      </w:pPr>
      <w:r w:rsidRPr="00E341C9">
        <w:rPr>
          <w:i/>
        </w:rPr>
        <w:t>Bilag AR-1232: Liste over professorudnævnelser</w:t>
      </w:r>
    </w:p>
    <w:p w:rsidR="00672948" w:rsidRDefault="00672948" w:rsidP="00672948">
      <w:pPr>
        <w:pStyle w:val="ListParagraph"/>
        <w:numPr>
          <w:ilvl w:val="1"/>
          <w:numId w:val="13"/>
        </w:numPr>
      </w:pPr>
      <w:r>
        <w:t>Status efter afskedigelsesrunde</w:t>
      </w:r>
    </w:p>
    <w:p w:rsidR="00672948" w:rsidRDefault="00672948" w:rsidP="00672948">
      <w:pPr>
        <w:pStyle w:val="ListParagraph"/>
        <w:numPr>
          <w:ilvl w:val="1"/>
          <w:numId w:val="13"/>
        </w:numPr>
      </w:pPr>
      <w:r>
        <w:t>Bestyrelsesmøde i marts</w:t>
      </w:r>
    </w:p>
    <w:p w:rsidR="00672948" w:rsidRDefault="00672948" w:rsidP="00672948">
      <w:pPr>
        <w:pStyle w:val="ListParagraph"/>
        <w:numPr>
          <w:ilvl w:val="1"/>
          <w:numId w:val="13"/>
        </w:numPr>
      </w:pPr>
      <w:r>
        <w:t>Status på 1-årige kandidatuddannelser</w:t>
      </w:r>
    </w:p>
    <w:p w:rsidR="00672948" w:rsidRDefault="00672948" w:rsidP="00672948">
      <w:pPr>
        <w:pStyle w:val="ListParagraph"/>
        <w:numPr>
          <w:ilvl w:val="1"/>
          <w:numId w:val="13"/>
        </w:numPr>
      </w:pPr>
      <w:r>
        <w:t>Kvote 2</w:t>
      </w:r>
    </w:p>
    <w:p w:rsidR="003467C7" w:rsidRDefault="00672948" w:rsidP="00672948">
      <w:pPr>
        <w:pStyle w:val="ListParagraph"/>
        <w:numPr>
          <w:ilvl w:val="1"/>
          <w:numId w:val="13"/>
        </w:numPr>
      </w:pPr>
      <w:r>
        <w:t>…</w:t>
      </w:r>
    </w:p>
    <w:p w:rsidR="00FC4BBA" w:rsidRDefault="003467C7" w:rsidP="00623A93">
      <w:pPr>
        <w:pStyle w:val="ListParagraph"/>
        <w:numPr>
          <w:ilvl w:val="0"/>
          <w:numId w:val="13"/>
        </w:numPr>
      </w:pPr>
      <w:r>
        <w:t>Evt. herunder temadrøftelse ved næste møde</w:t>
      </w:r>
    </w:p>
    <w:p w:rsidR="00E341C9" w:rsidRPr="00E341C9" w:rsidRDefault="00E341C9" w:rsidP="00E341C9">
      <w:pPr>
        <w:pStyle w:val="ListParagraph"/>
        <w:rPr>
          <w:i/>
        </w:rPr>
      </w:pPr>
      <w:r w:rsidRPr="00E341C9">
        <w:rPr>
          <w:i/>
        </w:rPr>
        <w:t>Bilag AR-1233 liste over temadrøftelser</w:t>
      </w:r>
    </w:p>
    <w:p w:rsidR="00FC4BBA" w:rsidRDefault="00FC4BBA" w:rsidP="00C246D0">
      <w:bookmarkStart w:id="0" w:name="_GoBack"/>
      <w:bookmarkEnd w:id="0"/>
    </w:p>
    <w:sectPr w:rsidR="00FC4BBA" w:rsidSect="00FC4BBA">
      <w:headerReference w:type="default" r:id="rId9"/>
      <w:footerReference w:type="default" r:id="rId10"/>
      <w:headerReference w:type="first" r:id="rId11"/>
      <w:footerReference w:type="first" r:id="rId12"/>
      <w:pgSz w:w="11906" w:h="16838" w:code="9"/>
      <w:pgMar w:top="2211" w:right="3119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085A36" w:rsidRDefault="00085A36" w:rsidP="009E4B94">
      <w:pPr>
        <w:spacing w:line="240" w:lineRule="auto"/>
      </w:pPr>
      <w:r>
        <w:separator/>
      </w:r>
    </w:p>
  </w:endnote>
  <w:endnote w:type="continuationSeparator" w:id="0">
    <w:p w:rsidR="00085A36" w:rsidRDefault="00085A36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FC4BBA" w:rsidRPr="00B27B05" w:rsidRDefault="00217D48" w:rsidP="00FC4BBA">
    <w:pPr>
      <w:pStyle w:val="FooterRight"/>
    </w:pPr>
    <w:sdt>
      <w:sdtPr>
        <w:alias w:val="Side"/>
        <w:tag w:val="{&quot;templafy&quot;:{&quot;id&quot;:&quot;34d50fb8-1854-4a61-9d15-feb562fc3353&quot;}}"/>
        <w:id w:val="-332612476"/>
      </w:sdtPr>
      <w:sdtEndPr/>
      <w:sdtContent>
        <w:r w:rsidR="00FC4BBA">
          <w:t>Side</w:t>
        </w:r>
      </w:sdtContent>
    </w:sdt>
    <w:r w:rsidR="00FC4BBA" w:rsidRPr="00B27B05">
      <w:t xml:space="preserve"> </w:t>
    </w:r>
    <w:r w:rsidR="00FC4BBA" w:rsidRPr="00B27B05">
      <w:fldChar w:fldCharType="begin"/>
    </w:r>
    <w:r w:rsidR="00FC4BBA" w:rsidRPr="00B27B05">
      <w:instrText xml:space="preserve"> PAGE  </w:instrText>
    </w:r>
    <w:r w:rsidR="00FC4BBA" w:rsidRPr="00B27B05">
      <w:fldChar w:fldCharType="separate"/>
    </w:r>
    <w:r>
      <w:rPr>
        <w:noProof/>
      </w:rPr>
      <w:t>2</w:t>
    </w:r>
    <w:r w:rsidR="00FC4BBA" w:rsidRPr="00B27B05">
      <w:fldChar w:fldCharType="end"/>
    </w:r>
    <w:r w:rsidR="00FC4BBA" w:rsidRPr="00B27B05">
      <w:t xml:space="preserve"> </w:t>
    </w:r>
    <w:sdt>
      <w:sdtPr>
        <w:alias w:val="of"/>
        <w:tag w:val="{&quot;templafy&quot;:{&quot;id&quot;:&quot;08c0a98d-337a-4f65-9adb-5933344154e4&quot;}}"/>
        <w:id w:val="2121178925"/>
      </w:sdtPr>
      <w:sdtEndPr/>
      <w:sdtContent>
        <w:r w:rsidR="00FC4BBA">
          <w:t>af</w:t>
        </w:r>
      </w:sdtContent>
    </w:sdt>
    <w:r w:rsidR="00FC4BBA" w:rsidRPr="00B27B05">
      <w:t xml:space="preserve"> </w:t>
    </w:r>
    <w:fldSimple w:instr=" NUMPAGES ">
      <w:r>
        <w:rPr>
          <w:noProof/>
        </w:rPr>
        <w:t>2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0" w:type="auto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:rsidTr="00CC452E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a594213b-ceb1-4628-985c-fe46dbd2fd9b&quot;}}"/>
            <w:id w:val="-28101803"/>
            <w:placeholder>
              <w:docPart w:val="DefaultPlaceholder_-1854013440"/>
            </w:placeholder>
          </w:sdtPr>
          <w:sdtEndPr/>
          <w:sdtContent>
            <w:p w:rsidR="00C66942" w:rsidRDefault="00672948">
              <w:pPr>
                <w:pStyle w:val="Template-Afdeling"/>
              </w:pPr>
              <w:r>
                <w:t>Danmarks Tekniske Universitet</w:t>
              </w:r>
            </w:p>
          </w:sdtContent>
        </w:sdt>
        <w:sdt>
          <w:sdtPr>
            <w:alias w:val="Name"/>
            <w:tag w:val="{&quot;templafy&quot;:{&quot;id&quot;:&quot;f8d6e8ce-5123-4417-98e4-0350e6da13f6&quot;}}"/>
            <w:id w:val="1414667987"/>
            <w:placeholder>
              <w:docPart w:val="DefaultPlaceholder_-1854013440"/>
            </w:placeholder>
          </w:sdtPr>
          <w:sdtEndPr/>
          <w:sdtContent>
            <w:p w:rsidR="00C66942" w:rsidRDefault="00672948">
              <w:pPr>
                <w:pStyle w:val="Template-AdresseVenstrestillet"/>
              </w:pPr>
              <w:r>
                <w:t>Ledelse og Administration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af1c08fe-007a-4676-8b87-56e35bb1c116&quot;}}"/>
            <w:id w:val="788702507"/>
            <w:placeholder>
              <w:docPart w:val="DefaultPlaceholder_-1854013440"/>
            </w:placeholder>
          </w:sdtPr>
          <w:sdtEndPr/>
          <w:sdtContent>
            <w:p w:rsidR="00C66942" w:rsidRDefault="00672948">
              <w:pPr>
                <w:pStyle w:val="Template-AdresseVenstrestillet"/>
              </w:pPr>
              <w:r>
                <w:t>Anker Engelunds Vej 101</w:t>
              </w:r>
            </w:p>
          </w:sdtContent>
        </w:sdt>
        <w:sdt>
          <w:sdtPr>
            <w:alias w:val="Department"/>
            <w:tag w:val="{&quot;templafy&quot;:{&quot;id&quot;:&quot;fbbc50a0-5960-4d19-96d9-4d90ae5e6099&quot;}}"/>
            <w:id w:val="-738404263"/>
            <w:placeholder>
              <w:docPart w:val="DefaultPlaceholder_-1854013440"/>
            </w:placeholder>
          </w:sdtPr>
          <w:sdtEndPr/>
          <w:sdtContent>
            <w:p w:rsidR="00C66942" w:rsidRDefault="00672948">
              <w:pPr>
                <w:pStyle w:val="Template-AdresseVenstrestillet"/>
              </w:pPr>
              <w:r>
                <w:t>Bygning 101</w:t>
              </w:r>
            </w:p>
          </w:sdtContent>
        </w:sdt>
        <w:sdt>
          <w:sdtPr>
            <w:alias w:val="City"/>
            <w:tag w:val="{&quot;templafy&quot;:{&quot;id&quot;:&quot;f837ff92-0118-486b-a693-33d6d9e392be&quot;}}"/>
            <w:id w:val="1844354522"/>
            <w:placeholder>
              <w:docPart w:val="DefaultPlaceholder_-1854013440"/>
            </w:placeholder>
          </w:sdtPr>
          <w:sdtEndPr/>
          <w:sdtContent>
            <w:p w:rsidR="00C66942" w:rsidRDefault="00672948">
              <w:pPr>
                <w:pStyle w:val="Template-AdresseVenstrestillet"/>
              </w:pPr>
              <w:r>
                <w:t>2800 Kongens Lyngby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dcbaf7ff-cefb-4b1d-afa8-bfd3aef7443d&quot;}}"/>
            <w:id w:val="-2048598055"/>
            <w:placeholder>
              <w:docPart w:val="DefaultPlaceholder_-1854013440"/>
            </w:placeholder>
          </w:sdtPr>
          <w:sdtEndPr/>
          <w:sdtContent>
            <w:p w:rsidR="0026019D" w:rsidRPr="004B550F" w:rsidRDefault="00217D48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b84b4bdc-d5ce-4d23-af3e-d59569d67ee0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F23235">
                    <w:t>Tlf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0213c5ef-d500-40a1-87a2-737d0fa42332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F23235">
                    <w:t xml:space="preserve"> 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4ccbf456-997d-4071-8ee3-e7f60bd10a82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F23235">
                    <w:t>45 25 25 25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sdt>
          <w:sdtPr>
            <w:tag w:val="{&quot;templafy&quot;:{&quot;id&quot;:&quot;2b91cd11-42ef-4941-993e-e8e880759a8a&quot;}}"/>
            <w:id w:val="2018882784"/>
            <w:placeholder>
              <w:docPart w:val="DefaultPlaceholder_-1854013440"/>
            </w:placeholder>
          </w:sdtPr>
          <w:sdtEndPr/>
          <w:sdtContent>
            <w:p w:rsidR="0026019D" w:rsidRPr="00FC4BBA" w:rsidRDefault="00217D48" w:rsidP="0055679E">
              <w:pPr>
                <w:pStyle w:val="Template-AdresseHjrestillet"/>
              </w:pPr>
              <w:sdt>
                <w:sdtPr>
                  <w:alias w:val="DirectLabel"/>
                  <w:tag w:val="{&quot;templafy&quot;:{&quot;id&quot;:&quot;072d0b78-1931-4cbe-a543-5580edeff9cd&quot;}}"/>
                  <w:id w:val="495856604"/>
                  <w:placeholder>
                    <w:docPart w:val="DefaultPlaceholder_-1854013440"/>
                  </w:placeholder>
                </w:sdtPr>
                <w:sdtEndPr/>
                <w:sdtContent>
                  <w:r w:rsidR="00F23235">
                    <w:t>Dir</w:t>
                  </w:r>
                </w:sdtContent>
              </w:sdt>
              <w:r w:rsidR="0026019D" w:rsidRPr="00FC4BBA">
                <w:t xml:space="preserve">. </w:t>
              </w:r>
              <w:sdt>
                <w:sdtPr>
                  <w:alias w:val="Plus45"/>
                  <w:tag w:val="{&quot;templafy&quot;:{&quot;id&quot;:&quot;07e0a147-52d7-41e7-b16d-3b97d91672b9&quot;}}"/>
                  <w:id w:val="567233666"/>
                  <w:placeholder>
                    <w:docPart w:val="DefaultPlaceholder_-1854013440"/>
                  </w:placeholder>
                </w:sdtPr>
                <w:sdtEndPr/>
                <w:sdtContent>
                  <w:r w:rsidR="00F23235">
                    <w:t xml:space="preserve"> </w:t>
                  </w:r>
                </w:sdtContent>
              </w:sdt>
              <w:r w:rsidR="006C55BF" w:rsidRPr="00FC4BBA">
                <w:t xml:space="preserve"> </w:t>
              </w:r>
              <w:sdt>
                <w:sdtPr>
                  <w:alias w:val="DirectPhone"/>
                  <w:tag w:val="{&quot;templafy&quot;:{&quot;id&quot;:&quot;acf74edb-29a8-4fd1-bb7e-15415e2f7fa0&quot;}}"/>
                  <w:id w:val="-1930651020"/>
                  <w:placeholder>
                    <w:docPart w:val="DefaultPlaceholder_-1854013440"/>
                  </w:placeholder>
                </w:sdtPr>
                <w:sdtEndPr/>
                <w:sdtContent>
                  <w:r w:rsidR="00F23235">
                    <w:t>45 25 11 69</w:t>
                  </w:r>
                </w:sdtContent>
              </w:sdt>
            </w:p>
          </w:sdtContent>
        </w:sdt>
        <w:sdt>
          <w:sdtPr>
            <w:rPr>
              <w:vanish/>
            </w:rPr>
            <w:tag w:val="{&quot;templafy&quot;:{&quot;id&quot;:&quot;d4beab26-3c40-4f8c-b0b0-ef712a2a1042&quot;}}"/>
            <w:id w:val="580194031"/>
            <w:placeholder>
              <w:docPart w:val="DefaultPlaceholder_-1854013440"/>
            </w:placeholder>
          </w:sdtPr>
          <w:sdtEndPr/>
          <w:sdtContent>
            <w:p w:rsidR="0026019D" w:rsidRPr="0055679E" w:rsidRDefault="00217D48" w:rsidP="0055679E">
              <w:pPr>
                <w:pStyle w:val="Template-AdresseHjrestillet"/>
                <w:rPr>
                  <w:vanish/>
                </w:rPr>
              </w:pPr>
              <w:sdt>
                <w:sdtPr>
                  <w:rPr>
                    <w:vanish/>
                  </w:rPr>
                  <w:alias w:val="Fax"/>
                  <w:tag w:val="{&quot;templafy&quot;:{&quot;id&quot;:&quot;55503fd6-afcb-4e2c-b547-f1d9177e2bfe&quot;}}"/>
                  <w:id w:val="-1258668111"/>
                  <w:placeholder>
                    <w:docPart w:val="DefaultPlaceholder_-1854013440"/>
                  </w:placeholder>
                </w:sdtPr>
                <w:sdtEndPr/>
                <w:sdtContent>
                  <w:r w:rsidR="00F23235">
                    <w:rPr>
                      <w:vanish/>
                    </w:rPr>
                    <w:t>Fax</w:t>
                  </w:r>
                </w:sdtContent>
              </w:sdt>
              <w:r w:rsidR="0026019D" w:rsidRPr="0055679E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Plus45"/>
                  <w:tag w:val="{&quot;templafy&quot;:{&quot;id&quot;:&quot;ebfa7757-ad24-4840-90f7-04d530b76022&quot;}}"/>
                  <w:id w:val="1162743304"/>
                  <w:placeholder>
                    <w:docPart w:val="76389F61E65E44C490E1120A62A0EB58"/>
                  </w:placeholder>
                </w:sdtPr>
                <w:sdtEndPr/>
                <w:sdtContent>
                  <w:r w:rsidR="00F23235">
                    <w:rPr>
                      <w:vanish/>
                    </w:rPr>
                    <w:t xml:space="preserve"> </w:t>
                  </w:r>
                </w:sdtContent>
              </w:sdt>
              <w:r w:rsidR="006C55BF" w:rsidRPr="0055679E">
                <w:rPr>
                  <w:vanish/>
                </w:rPr>
                <w:t xml:space="preserve"> </w:t>
              </w:r>
              <w:sdt>
                <w:sdtPr>
                  <w:rPr>
                    <w:vanish/>
                  </w:rPr>
                  <w:alias w:val="Fax"/>
                  <w:tag w:val="{&quot;templafy&quot;:{&quot;id&quot;:&quot;cdddce21-d074-43dc-9ce6-14ba549cb300&quot;}}"/>
                  <w:id w:val="448744389"/>
                  <w:placeholder>
                    <w:docPart w:val="DefaultPlaceholder_-1854013440"/>
                  </w:placeholder>
                </w:sdtPr>
                <w:sdtEndPr/>
                <w:sdtContent>
                  <w:r w:rsidR="00F23235">
                    <w:rPr>
                      <w:vanish/>
                    </w:rPr>
                    <w:t xml:space="preserve"> </w:t>
                  </w:r>
                </w:sdtContent>
              </w:sdt>
            </w:p>
          </w:sdtContent>
        </w:sdt>
      </w:tc>
      <w:tc>
        <w:tcPr>
          <w:tcW w:w="3289" w:type="dxa"/>
        </w:tcPr>
        <w:sdt>
          <w:sdtPr>
            <w:alias w:val="Email"/>
            <w:tag w:val="{&quot;templafy&quot;:{&quot;id&quot;:&quot;6b1e8bea-9be9-46b7-8eba-3a57ecae6988&quot;}}"/>
            <w:id w:val="-1826968987"/>
            <w:placeholder>
              <w:docPart w:val="DefaultPlaceholder_-1854013440"/>
            </w:placeholder>
          </w:sdtPr>
          <w:sdtEndPr/>
          <w:sdtContent>
            <w:p w:rsidR="00C66942" w:rsidRDefault="00672948">
              <w:pPr>
                <w:pStyle w:val="Template-AdresseHjrestillet"/>
              </w:pPr>
              <w:r>
                <w:t>ditkan@adm.dtu.dk</w:t>
              </w:r>
            </w:p>
          </w:sdtContent>
        </w:sdt>
        <w:sdt>
          <w:sdtPr>
            <w:alias w:val="Web"/>
            <w:tag w:val="{&quot;templafy&quot;:{&quot;id&quot;:&quot;41a5ddca-9ce3-4e0a-a933-737f21fc70ee&quot;}}"/>
            <w:id w:val="1666278623"/>
            <w:placeholder>
              <w:docPart w:val="DefaultPlaceholder_-1854013440"/>
            </w:placeholder>
          </w:sdtPr>
          <w:sdtEndPr/>
          <w:sdtContent>
            <w:p w:rsidR="00C66942" w:rsidRDefault="00672948">
              <w:pPr>
                <w:pStyle w:val="Template-AdresseHjrestillet"/>
              </w:pPr>
              <w:r>
                <w:t>www.dtu.dk</w:t>
              </w:r>
            </w:p>
          </w:sdtContent>
        </w:sdt>
        <w:p w:rsidR="0026019D" w:rsidRPr="0055679E" w:rsidRDefault="0026019D" w:rsidP="0055679E">
          <w:pPr>
            <w:pStyle w:val="Template-AdresseHjrestillet"/>
          </w:pPr>
        </w:p>
      </w:tc>
    </w:tr>
  </w:tbl>
  <w:bookmarkStart w:id="5" w:name="_Hlk529515162"/>
  <w:bookmarkStart w:id="6" w:name="_Hlk529515163"/>
  <w:bookmarkStart w:id="7" w:name="_Hlk529515175"/>
  <w:bookmarkStart w:id="8" w:name="_Hlk529515176"/>
  <w:p w:rsidR="001D50C4" w:rsidRDefault="00C62470" w:rsidP="007C24BE">
    <w:pPr>
      <w:pStyle w:val="Footer"/>
      <w:spacing w:line="60" w:lineRule="exact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691C10B3" wp14:editId="0FE17FF4">
              <wp:simplePos x="0" y="0"/>
              <wp:positionH relativeFrom="page">
                <wp:posOffset>207469</wp:posOffset>
              </wp:positionH>
              <wp:positionV relativeFrom="margin">
                <wp:posOffset>5941951</wp:posOffset>
              </wp:positionV>
              <wp:extent cx="222885" cy="1533525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2885" cy="153352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8A32AF" w:rsidRPr="00CB4B79" w:rsidRDefault="00217D48" w:rsidP="008A32A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31db8cf5-ec7b-47f4-90b0-9f3336f3e262&quot;}}"/>
                              <w:id w:val="-1995555206"/>
                            </w:sdtPr>
                            <w:sdtEndPr/>
                            <w:sdtContent>
                              <w:r w:rsidR="00F23235">
                                <w:t>CVR-nr.</w:t>
                              </w:r>
                            </w:sdtContent>
                          </w:sdt>
                          <w:r w:rsidR="005442FD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3bdf36e5-61bd-4bce-8850-298fb43a14d3&quot;}}"/>
                              <w:id w:val="-1695381377"/>
                            </w:sdtPr>
                            <w:sdtEndPr/>
                            <w:sdtContent>
                              <w:r w:rsidR="00F23235">
                                <w:t>DK 30 06 09 46</w:t>
                              </w:r>
                            </w:sdtContent>
                          </w:sdt>
                          <w:r w:rsidR="005442FD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91C10B3" id="_x0000_t202" coordsize="21600,21600" o:spt="202" path="m,l,21600r21600,l21600,xe">
              <v:stroke joinstyle="miter"/>
              <v:path gradientshapeok="t" o:connecttype="rect"/>
            </v:shapetype>
            <v:shape id="CVR" o:spid="_x0000_s1028" type="#_x0000_t202" style="position:absolute;margin-left:16.35pt;margin-top:467.85pt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" filled="f" stroked="f">
              <v:textbox style="layout-flow:vertical;mso-layout-flow-alt:bottom-to-top" inset="0,0,0,0">
                <w:txbxContent>
                  <w:p w:rsidR="008A32AF" w:rsidRPr="00CB4B79" w:rsidRDefault="00672948" w:rsidP="008A32A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31db8cf5-ec7b-47f4-90b0-9f3336f3e262&quot;}}"/>
                        <w:id w:val="-1995555206"/>
                      </w:sdtPr>
                      <w:sdtEndPr/>
                      <w:sdtContent>
                        <w:r w:rsidR="00F23235">
                          <w:t>CVR-nr.</w:t>
                        </w:r>
                      </w:sdtContent>
                    </w:sdt>
                    <w:r w:rsidR="005442FD">
                      <w:t xml:space="preserve"> </w:t>
                    </w:r>
                    <w:sdt>
                      <w:sdtPr>
                        <w:alias w:val="Cvr"/>
                        <w:tag w:val="{&quot;templafy&quot;:{&quot;id&quot;:&quot;3bdf36e5-61bd-4bce-8850-298fb43a14d3&quot;}}"/>
                        <w:id w:val="-1695381377"/>
                      </w:sdtPr>
                      <w:sdtEndPr/>
                      <w:sdtContent>
                        <w:r w:rsidR="00F23235">
                          <w:t>DK 30 06 09 46</w:t>
                        </w:r>
                      </w:sdtContent>
                    </w:sdt>
                    <w:r w:rsidR="005442FD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  <w:bookmarkEnd w:id="5"/>
  <w:bookmarkEnd w:id="6"/>
  <w:bookmarkEnd w:id="7"/>
  <w:bookmarkEnd w:id="8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085A36" w:rsidRDefault="00085A36" w:rsidP="009E4B94">
      <w:pPr>
        <w:spacing w:line="240" w:lineRule="auto"/>
      </w:pPr>
      <w:r>
        <w:separator/>
      </w:r>
    </w:p>
  </w:footnote>
  <w:footnote w:type="continuationSeparator" w:id="0">
    <w:p w:rsidR="00085A36" w:rsidRDefault="00085A36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okmarkStart w:id="1" w:name="_Hlk529515203"/>
  <w:bookmarkStart w:id="2" w:name="_Hlk529515204"/>
  <w:bookmarkStart w:id="3" w:name="_Hlk529515243"/>
  <w:bookmarkStart w:id="4" w:name="_Hlk529515244"/>
  <w:p w:rsidR="00BF072F" w:rsidRDefault="00BF072F">
    <w:pPr>
      <w:pStyle w:val="Header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3360" behindDoc="0" locked="0" layoutInCell="1" allowOverlap="1" wp14:anchorId="64733EB7" wp14:editId="06048A90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2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532a1599-5157-440d-a96a-c7445b18cd52&quot;}}"/>
                            <w:id w:val="1665355536"/>
                            <w:placeholder>
                              <w:docPart w:val="58248D16F9014E7C9952F9B4867FA1B5"/>
                            </w:placeholder>
                          </w:sdtPr>
                          <w:sdtEndPr/>
                          <w:sdtContent>
                            <w:p w:rsidR="00C66942" w:rsidRDefault="00672948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4733EB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33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1rADR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LWsANH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532a1599-5157-440d-a96a-c7445b18cd52&quot;}}"/>
                      <w:id w:val="1665355536"/>
                      <w:placeholder>
                        <w:docPart w:val="58248D16F9014E7C9952F9B4867FA1B5"/>
                      </w:placeholder>
                    </w:sdtPr>
                    <w:sdtEndPr/>
                    <w:sdtContent>
                      <w:p w:rsidR="00C66942" w:rsidRDefault="00672948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bookmarkEnd w:id="1"/>
    <w:bookmarkEnd w:id="2"/>
    <w:bookmarkEnd w:id="3"/>
    <w:bookmarkEnd w:id="4"/>
    <w:r>
      <w:rPr>
        <w:noProof/>
        <w:lang w:val="en-US"/>
      </w:rPr>
      <w:drawing>
        <wp:anchor distT="0" distB="0" distL="0" distR="0" simplePos="0" relativeHeight="25166438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59135930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5913593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61DE5" w:rsidRDefault="00361DE5" w:rsidP="00361DE5">
    <w:pPr>
      <w:pStyle w:val="Header"/>
    </w:pPr>
  </w:p>
  <w:p w:rsidR="008F4D20" w:rsidRPr="00361DE5" w:rsidRDefault="00361DE5" w:rsidP="00361DE5">
    <w:pPr>
      <w:pStyle w:val="Header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8A18FA9" wp14:editId="6004C7EB">
              <wp:simplePos x="0" y="0"/>
              <wp:positionH relativeFrom="rightMargin">
                <wp:align>right</wp:align>
              </wp:positionH>
              <wp:positionV relativeFrom="page">
                <wp:posOffset>3510280</wp:posOffset>
              </wp:positionV>
              <wp:extent cx="1475740" cy="2246630"/>
              <wp:effectExtent l="0" t="0" r="0" b="13970"/>
              <wp:wrapNone/>
              <wp:docPr id="4" name="Doc inf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75740" cy="225298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600" w:firstRow="0" w:lastRow="0" w:firstColumn="0" w:lastColumn="0" w:noHBand="1" w:noVBand="1"/>
                          </w:tblPr>
                          <w:tblGrid>
                            <w:gridCol w:w="1758"/>
                          </w:tblGrid>
                          <w:tr w:rsidR="00361DE5" w:rsidRPr="007C24BE">
                            <w:trPr>
                              <w:trHeight w:val="3298"/>
                            </w:trPr>
                            <w:tc>
                              <w:tcPr>
                                <w:tcW w:w="1758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c15a04aa-6c22-4379-907f-4f9da211f9ee&quot;}}"/>
                                  <w:id w:val="1614544642"/>
                                </w:sdtPr>
                                <w:sdtEndPr/>
                                <w:sdtContent>
                                  <w:p w:rsidR="00C66942" w:rsidRDefault="00672948">
                                    <w:pPr>
                                      <w:pStyle w:val="Template-Docinfo"/>
                                    </w:pPr>
                                    <w:r>
                                      <w:t>21. marts 2023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tag w:val="{&quot;templafy&quot;:{&quot;id&quot;:&quot;7aa4dae3-1d9b-4c4d-ace7-f2d6ab20c8a2&quot;}}"/>
                                  <w:id w:val="-12388883"/>
                                </w:sdtPr>
                                <w:sdtEndPr/>
                                <w:sdtContent>
                                  <w:p w:rsidR="00361DE5" w:rsidRPr="00361DE5" w:rsidRDefault="00217D48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JournalNo"/>
                                        <w:tag w:val="{&quot;templafy&quot;:{&quot;id&quot;:&quot;b81f2452-0f60-4dc1-ae5b-48773d4b0d60&quot;}}"/>
                                        <w:id w:val="750857845"/>
                                      </w:sdtPr>
                                      <w:sdtEndPr/>
                                      <w:sdtContent>
                                        <w:r w:rsidR="00F23235">
                                          <w:rPr>
                                            <w:vanish/>
                                          </w:rPr>
                                          <w:t>Journal nr.</w:t>
                                        </w:r>
                                      </w:sdtContent>
                                    </w:sdt>
                                    <w:r w:rsidR="00361DE5" w:rsidRPr="00361DE5">
                                      <w:rPr>
                                        <w:vanish/>
                                      </w:rPr>
                                      <w:t xml:space="preserve">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Form.JournalNr"/>
                                        <w:tag w:val="{&quot;templafy&quot;:{&quot;id&quot;:&quot;d3104089-749b-45b5-aeb2-960a4919eca9&quot;}}"/>
                                        <w:id w:val="884603166"/>
                                      </w:sdtPr>
                                      <w:sdtEndPr/>
                                      <w:sdtContent>
                                        <w:r w:rsidR="00F23235"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Initialer"/>
                                  <w:tag w:val="{&quot;templafy&quot;:{&quot;id&quot;:&quot;ca9891fe-c763-40c3-98b8-aaf03fc85f27&quot;}}"/>
                                  <w:id w:val="-1497572660"/>
                                </w:sdtPr>
                                <w:sdtEndPr/>
                                <w:sdtContent>
                                  <w:p w:rsidR="00C66942" w:rsidRDefault="00672948">
                                    <w:pPr>
                                      <w:pStyle w:val="Template-Docinfo"/>
                                    </w:pPr>
                                    <w:r>
                                      <w:t>ditkan</w:t>
                                    </w:r>
                                  </w:p>
                                </w:sdtContent>
                              </w:sdt>
                              <w:p w:rsidR="00361DE5" w:rsidRPr="00361DE5" w:rsidRDefault="00361DE5">
                                <w:pPr>
                                  <w:pStyle w:val="Template-Docinfo"/>
                                </w:pPr>
                              </w:p>
                            </w:tc>
                          </w:tr>
                        </w:tbl>
                        <w:p w:rsidR="00361DE5" w:rsidRDefault="00361DE5" w:rsidP="00361DE5">
                          <w:pPr>
                            <w:pStyle w:val="Template-Docinfo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36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8A18FA9" id="_x0000_t202" coordsize="21600,21600" o:spt="202" path="m,l,21600r21600,l21600,xe">
              <v:stroke joinstyle="miter"/>
              <v:path gradientshapeok="t" o:connecttype="rect"/>
            </v:shapetype>
            <v:shape id="Doc info" o:spid="_x0000_s1027" type="#_x0000_t202" style="position:absolute;margin-left:65pt;margin-top:276.4pt;width:116.2pt;height:176.9pt;z-index:25166745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" filled="f" stroked="f" strokeweight=".5pt">
              <v:textbox style="mso-fit-shape-to-text:t" inset="0,0,10mm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600" w:firstRow="0" w:lastRow="0" w:firstColumn="0" w:lastColumn="0" w:noHBand="1" w:noVBand="1"/>
                    </w:tblPr>
                    <w:tblGrid>
                      <w:gridCol w:w="1758"/>
                    </w:tblGrid>
                    <w:tr w:rsidR="00361DE5" w:rsidRPr="007C24BE">
                      <w:trPr>
                        <w:trHeight w:val="3298"/>
                      </w:trPr>
                      <w:tc>
                        <w:tcPr>
                          <w:tcW w:w="1758" w:type="dxa"/>
                        </w:tcPr>
                        <w:sdt>
                          <w:sdtPr>
                            <w:alias w:val="Date"/>
                            <w:tag w:val="{&quot;templafy&quot;:{&quot;id&quot;:&quot;c15a04aa-6c22-4379-907f-4f9da211f9ee&quot;}}"/>
                            <w:id w:val="1614544642"/>
                          </w:sdtPr>
                          <w:sdtEndPr/>
                          <w:sdtContent>
                            <w:p w:rsidR="00C66942" w:rsidRDefault="00672948">
                              <w:pPr>
                                <w:pStyle w:val="Template-Docinfo"/>
                              </w:pPr>
                              <w:r>
                                <w:t>21. marts 2023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templafy&quot;:{&quot;id&quot;:&quot;7aa4dae3-1d9b-4c4d-ace7-f2d6ab20c8a2&quot;}}"/>
                            <w:id w:val="-12388883"/>
                          </w:sdtPr>
                          <w:sdtEndPr/>
                          <w:sdtContent>
                            <w:p w:rsidR="00361DE5" w:rsidRPr="00361DE5" w:rsidRDefault="00217D48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JournalNo"/>
                                  <w:tag w:val="{&quot;templafy&quot;:{&quot;id&quot;:&quot;b81f2452-0f60-4dc1-ae5b-48773d4b0d60&quot;}}"/>
                                  <w:id w:val="750857845"/>
                                </w:sdtPr>
                                <w:sdtEndPr/>
                                <w:sdtContent>
                                  <w:r w:rsidR="00F23235">
                                    <w:rPr>
                                      <w:vanish/>
                                    </w:rPr>
                                    <w:t>Journal nr.</w:t>
                                  </w:r>
                                </w:sdtContent>
                              </w:sdt>
                              <w:r w:rsidR="00361DE5" w:rsidRPr="00361DE5">
                                <w:rPr>
                                  <w:vanish/>
                                </w:rPr>
                                <w:t xml:space="preserve">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Form.JournalNr"/>
                                  <w:tag w:val="{&quot;templafy&quot;:{&quot;id&quot;:&quot;d3104089-749b-45b5-aeb2-960a4919eca9&quot;}}"/>
                                  <w:id w:val="884603166"/>
                                </w:sdtPr>
                                <w:sdtEndPr/>
                                <w:sdtContent>
                                  <w:r w:rsidR="00F23235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Initialer"/>
                            <w:tag w:val="{&quot;templafy&quot;:{&quot;id&quot;:&quot;ca9891fe-c763-40c3-98b8-aaf03fc85f27&quot;}}"/>
                            <w:id w:val="-1497572660"/>
                          </w:sdtPr>
                          <w:sdtEndPr/>
                          <w:sdtContent>
                            <w:p w:rsidR="00C66942" w:rsidRDefault="00672948">
                              <w:pPr>
                                <w:pStyle w:val="Template-Docinfo"/>
                              </w:pPr>
                              <w:r>
                                <w:t>ditkan</w:t>
                              </w:r>
                            </w:p>
                          </w:sdtContent>
                        </w:sdt>
                        <w:p w:rsidR="00361DE5" w:rsidRPr="00361DE5" w:rsidRDefault="00361DE5">
                          <w:pPr>
                            <w:pStyle w:val="Template-Docinfo"/>
                          </w:pPr>
                        </w:p>
                      </w:tc>
                    </w:tr>
                  </w:tbl>
                  <w:p w:rsidR="00361DE5" w:rsidRDefault="00361DE5" w:rsidP="00361DE5">
                    <w:pPr>
                      <w:pStyle w:val="Template-Docinfo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00121858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0121858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D5906FF"/>
    <w:multiLevelType w:val="hybridMultilevel"/>
    <w:tmpl w:val="0D5CDB9A"/>
    <w:lvl w:ilvl="0" w:tplc="0409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50"/>
  <w:doNotDisplayPageBoundaries/>
  <w:defaultTabStop w:val="1304"/>
  <w:autoHyphenation/>
  <w:hyphenationZone w:val="425"/>
  <w:characterSpacingControl w:val="doNotCompress"/>
  <w:hdrShapeDefaults>
    <o:shapedefaults v:ext="edit" spidmax="1024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07D1"/>
    <w:rsid w:val="00004865"/>
    <w:rsid w:val="00016218"/>
    <w:rsid w:val="00016AD4"/>
    <w:rsid w:val="00022133"/>
    <w:rsid w:val="000253FF"/>
    <w:rsid w:val="000338FD"/>
    <w:rsid w:val="00080393"/>
    <w:rsid w:val="00085A36"/>
    <w:rsid w:val="0009128C"/>
    <w:rsid w:val="00094ABD"/>
    <w:rsid w:val="0009772C"/>
    <w:rsid w:val="000A23C3"/>
    <w:rsid w:val="000A374D"/>
    <w:rsid w:val="000E2192"/>
    <w:rsid w:val="001012C9"/>
    <w:rsid w:val="00103E3F"/>
    <w:rsid w:val="0011024B"/>
    <w:rsid w:val="0013244F"/>
    <w:rsid w:val="00182651"/>
    <w:rsid w:val="00186725"/>
    <w:rsid w:val="001C1B1F"/>
    <w:rsid w:val="001D50C4"/>
    <w:rsid w:val="00217D48"/>
    <w:rsid w:val="00224CD2"/>
    <w:rsid w:val="00244D70"/>
    <w:rsid w:val="0026019D"/>
    <w:rsid w:val="00273CAC"/>
    <w:rsid w:val="0027658C"/>
    <w:rsid w:val="00281700"/>
    <w:rsid w:val="002A5A1D"/>
    <w:rsid w:val="002C5297"/>
    <w:rsid w:val="002C6597"/>
    <w:rsid w:val="002D5562"/>
    <w:rsid w:val="002E27B6"/>
    <w:rsid w:val="002E74A4"/>
    <w:rsid w:val="002E793E"/>
    <w:rsid w:val="0030132B"/>
    <w:rsid w:val="00307422"/>
    <w:rsid w:val="00313C20"/>
    <w:rsid w:val="00344144"/>
    <w:rsid w:val="003467C7"/>
    <w:rsid w:val="00346D9C"/>
    <w:rsid w:val="00357F74"/>
    <w:rsid w:val="00361BC1"/>
    <w:rsid w:val="00361DE5"/>
    <w:rsid w:val="00370784"/>
    <w:rsid w:val="003964C2"/>
    <w:rsid w:val="00397C30"/>
    <w:rsid w:val="003A5F2B"/>
    <w:rsid w:val="003B0193"/>
    <w:rsid w:val="003B35B0"/>
    <w:rsid w:val="003C3569"/>
    <w:rsid w:val="003C4F9F"/>
    <w:rsid w:val="003C60F1"/>
    <w:rsid w:val="00416A26"/>
    <w:rsid w:val="00421009"/>
    <w:rsid w:val="00424709"/>
    <w:rsid w:val="00424AD9"/>
    <w:rsid w:val="00471059"/>
    <w:rsid w:val="004A5FFD"/>
    <w:rsid w:val="004B550F"/>
    <w:rsid w:val="004C01B2"/>
    <w:rsid w:val="004E1AA9"/>
    <w:rsid w:val="004E601A"/>
    <w:rsid w:val="004F1ED7"/>
    <w:rsid w:val="004F6B62"/>
    <w:rsid w:val="00511B9B"/>
    <w:rsid w:val="005137E5"/>
    <w:rsid w:val="005178A7"/>
    <w:rsid w:val="005355A5"/>
    <w:rsid w:val="00543EF2"/>
    <w:rsid w:val="005442FD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33ADE"/>
    <w:rsid w:val="00655B49"/>
    <w:rsid w:val="00657246"/>
    <w:rsid w:val="00672948"/>
    <w:rsid w:val="00674045"/>
    <w:rsid w:val="00681D83"/>
    <w:rsid w:val="00686A31"/>
    <w:rsid w:val="006900C2"/>
    <w:rsid w:val="00690DAD"/>
    <w:rsid w:val="006B30A9"/>
    <w:rsid w:val="006C55BF"/>
    <w:rsid w:val="006F6864"/>
    <w:rsid w:val="007008EE"/>
    <w:rsid w:val="0070267E"/>
    <w:rsid w:val="00706E32"/>
    <w:rsid w:val="00722E2F"/>
    <w:rsid w:val="007506D2"/>
    <w:rsid w:val="007546AF"/>
    <w:rsid w:val="00765934"/>
    <w:rsid w:val="0077451B"/>
    <w:rsid w:val="007830AC"/>
    <w:rsid w:val="0079216B"/>
    <w:rsid w:val="007B6DED"/>
    <w:rsid w:val="007C24BE"/>
    <w:rsid w:val="007E373C"/>
    <w:rsid w:val="008002CE"/>
    <w:rsid w:val="00836161"/>
    <w:rsid w:val="00841D2A"/>
    <w:rsid w:val="0088244A"/>
    <w:rsid w:val="00884D06"/>
    <w:rsid w:val="00886EBB"/>
    <w:rsid w:val="00892D08"/>
    <w:rsid w:val="00893791"/>
    <w:rsid w:val="008A32AF"/>
    <w:rsid w:val="008E5A6D"/>
    <w:rsid w:val="008F32DF"/>
    <w:rsid w:val="008F4D20"/>
    <w:rsid w:val="00914B44"/>
    <w:rsid w:val="009155A9"/>
    <w:rsid w:val="0094270E"/>
    <w:rsid w:val="0094757D"/>
    <w:rsid w:val="00951B25"/>
    <w:rsid w:val="009737E4"/>
    <w:rsid w:val="00983B74"/>
    <w:rsid w:val="00987EF9"/>
    <w:rsid w:val="00990263"/>
    <w:rsid w:val="009A4CCC"/>
    <w:rsid w:val="009D1E80"/>
    <w:rsid w:val="009E3D44"/>
    <w:rsid w:val="009E4B94"/>
    <w:rsid w:val="00A91DA5"/>
    <w:rsid w:val="00AB4582"/>
    <w:rsid w:val="00AD5F89"/>
    <w:rsid w:val="00AF1D02"/>
    <w:rsid w:val="00B00D92"/>
    <w:rsid w:val="00B0422A"/>
    <w:rsid w:val="00B24E70"/>
    <w:rsid w:val="00B33A49"/>
    <w:rsid w:val="00B456FC"/>
    <w:rsid w:val="00B53D5A"/>
    <w:rsid w:val="00B62F42"/>
    <w:rsid w:val="00B708EB"/>
    <w:rsid w:val="00B81FB3"/>
    <w:rsid w:val="00B94904"/>
    <w:rsid w:val="00BB4255"/>
    <w:rsid w:val="00BF072F"/>
    <w:rsid w:val="00C12117"/>
    <w:rsid w:val="00C21687"/>
    <w:rsid w:val="00C246D0"/>
    <w:rsid w:val="00C24E51"/>
    <w:rsid w:val="00C357EF"/>
    <w:rsid w:val="00C439CB"/>
    <w:rsid w:val="00C43E57"/>
    <w:rsid w:val="00C62470"/>
    <w:rsid w:val="00C6612F"/>
    <w:rsid w:val="00C66942"/>
    <w:rsid w:val="00CA0183"/>
    <w:rsid w:val="00CA0A7D"/>
    <w:rsid w:val="00CA4355"/>
    <w:rsid w:val="00CB0955"/>
    <w:rsid w:val="00CC2542"/>
    <w:rsid w:val="00CC452E"/>
    <w:rsid w:val="00CC6322"/>
    <w:rsid w:val="00CD2800"/>
    <w:rsid w:val="00CE5168"/>
    <w:rsid w:val="00D06E4F"/>
    <w:rsid w:val="00D109FE"/>
    <w:rsid w:val="00D23124"/>
    <w:rsid w:val="00D26F67"/>
    <w:rsid w:val="00D27D0E"/>
    <w:rsid w:val="00D3752F"/>
    <w:rsid w:val="00D53670"/>
    <w:rsid w:val="00D87C66"/>
    <w:rsid w:val="00D96141"/>
    <w:rsid w:val="00DB31AF"/>
    <w:rsid w:val="00DC246F"/>
    <w:rsid w:val="00DC4706"/>
    <w:rsid w:val="00DC61BD"/>
    <w:rsid w:val="00DD1936"/>
    <w:rsid w:val="00DE2B28"/>
    <w:rsid w:val="00E341C9"/>
    <w:rsid w:val="00E349D6"/>
    <w:rsid w:val="00E53EE9"/>
    <w:rsid w:val="00E55DC2"/>
    <w:rsid w:val="00E6418F"/>
    <w:rsid w:val="00E93646"/>
    <w:rsid w:val="00EA4910"/>
    <w:rsid w:val="00EC03B1"/>
    <w:rsid w:val="00EC7360"/>
    <w:rsid w:val="00ED6EC5"/>
    <w:rsid w:val="00EF46EB"/>
    <w:rsid w:val="00F04788"/>
    <w:rsid w:val="00F23235"/>
    <w:rsid w:val="00F233E7"/>
    <w:rsid w:val="00F431C8"/>
    <w:rsid w:val="00F657CB"/>
    <w:rsid w:val="00F710A5"/>
    <w:rsid w:val="00F73354"/>
    <w:rsid w:val="00F94020"/>
    <w:rsid w:val="00FA545C"/>
    <w:rsid w:val="00FB629B"/>
    <w:rsid w:val="00FB793D"/>
    <w:rsid w:val="00FC4BBA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41"/>
    <o:shapelayout v:ext="edit">
      <o:idmap v:ext="edit" data="1"/>
    </o:shapelayout>
  </w:shapeDefaults>
  <w:decimalSymbol w:val=","/>
  <w:listSeparator w:val=";"/>
  <w14:docId w14:val="1856BA23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397C30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186725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186725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186725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186725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186725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186725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186725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99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86725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186725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EC03B1"/>
    <w:pPr>
      <w:spacing w:before="0" w:after="0" w:line="360" w:lineRule="atLeast"/>
    </w:pPr>
    <w:rPr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BF072F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86725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8A32AF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Udvalg">
    <w:name w:val="Udvalg"/>
    <w:basedOn w:val="Normal"/>
    <w:next w:val="Normal"/>
    <w:uiPriority w:val="3"/>
    <w:rsid w:val="00CB0955"/>
    <w:pPr>
      <w:spacing w:line="300" w:lineRule="atLeast"/>
    </w:pPr>
    <w:rPr>
      <w:rFonts w:eastAsia="Times New Roman" w:cs="Times New Roman"/>
      <w:b/>
      <w:sz w:val="26"/>
    </w:rPr>
  </w:style>
  <w:style w:type="paragraph" w:customStyle="1" w:styleId="BilagDagsorden">
    <w:name w:val="Bilag/Dagsorden"/>
    <w:basedOn w:val="Udvalg"/>
    <w:next w:val="Normal"/>
    <w:uiPriority w:val="3"/>
    <w:rsid w:val="00C246D0"/>
    <w:rPr>
      <w:sz w:val="20"/>
    </w:rPr>
  </w:style>
  <w:style w:type="paragraph" w:customStyle="1" w:styleId="Tilstedefravrende">
    <w:name w:val="Tilstede/fraværende"/>
    <w:basedOn w:val="Normal"/>
    <w:next w:val="Normal"/>
    <w:uiPriority w:val="3"/>
    <w:rsid w:val="00C246D0"/>
    <w:rPr>
      <w:rFonts w:eastAsia="Times New Roman" w:cs="Times New Roman"/>
      <w:b/>
    </w:rPr>
  </w:style>
  <w:style w:type="paragraph" w:customStyle="1" w:styleId="FooterRight">
    <w:name w:val="Footer Right"/>
    <w:basedOn w:val="Footer"/>
    <w:uiPriority w:val="21"/>
    <w:semiHidden/>
    <w:qFormat/>
    <w:rsid w:val="00FC4BBA"/>
    <w:pPr>
      <w:ind w:right="-2552"/>
      <w:jc w:val="right"/>
    </w:pPr>
  </w:style>
  <w:style w:type="paragraph" w:styleId="ListParagraph">
    <w:name w:val="List Paragraph"/>
    <w:basedOn w:val="Normal"/>
    <w:uiPriority w:val="99"/>
    <w:semiHidden/>
    <w:rsid w:val="003467C7"/>
    <w:pPr>
      <w:ind w:left="720"/>
      <w:contextualSpacing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672948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672948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909840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66582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63394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966729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6389F61E65E44C490E1120A62A0EB5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F270A26-8EEC-43CE-8351-93ED5C606A72}"/>
      </w:docPartPr>
      <w:docPartBody>
        <w:p w:rsidR="00ED0594" w:rsidRDefault="00807F09" w:rsidP="00807F09">
          <w:pPr>
            <w:pStyle w:val="76389F61E65E44C490E1120A62A0EB58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91066F3DDDB408ABBF0FECB0A4E8C6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FEA8D90-0067-46E6-B2C3-6C72DB299C46}"/>
      </w:docPartPr>
      <w:docPartBody>
        <w:p w:rsidR="00BD4790" w:rsidRDefault="00240211" w:rsidP="00240211">
          <w:pPr>
            <w:pStyle w:val="991066F3DDDB408ABBF0FECB0A4E8C68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8248D16F9014E7C9952F9B4867FA1B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4FBAD94-0707-4317-BB2C-385F8BFF80FB}"/>
      </w:docPartPr>
      <w:docPartBody>
        <w:p w:rsidR="00F5276F" w:rsidRDefault="00A57E19" w:rsidP="00A57E19">
          <w:pPr>
            <w:pStyle w:val="58248D16F9014E7C9952F9B4867FA1B5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21B3B4C3884541FDAB76FFB9A1143F4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9CF2381-945A-444A-995E-A68B612CC496}"/>
      </w:docPartPr>
      <w:docPartBody>
        <w:p w:rsidR="008E4A5D" w:rsidRDefault="00EE1F62" w:rsidP="00EE1F62">
          <w:pPr>
            <w:pStyle w:val="21B3B4C3884541FDAB76FFB9A1143F4F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31A95"/>
    <w:rsid w:val="0005625C"/>
    <w:rsid w:val="000874CC"/>
    <w:rsid w:val="00122926"/>
    <w:rsid w:val="0018514E"/>
    <w:rsid w:val="00240211"/>
    <w:rsid w:val="00267335"/>
    <w:rsid w:val="00342E59"/>
    <w:rsid w:val="00346511"/>
    <w:rsid w:val="00377C62"/>
    <w:rsid w:val="00377CA6"/>
    <w:rsid w:val="003B3A43"/>
    <w:rsid w:val="003C522A"/>
    <w:rsid w:val="003E1211"/>
    <w:rsid w:val="004023DB"/>
    <w:rsid w:val="004113A9"/>
    <w:rsid w:val="004326F3"/>
    <w:rsid w:val="004C1EBE"/>
    <w:rsid w:val="004C2BC1"/>
    <w:rsid w:val="005833A0"/>
    <w:rsid w:val="005936E9"/>
    <w:rsid w:val="00614420"/>
    <w:rsid w:val="00686209"/>
    <w:rsid w:val="006A34FD"/>
    <w:rsid w:val="006C0F7F"/>
    <w:rsid w:val="00766070"/>
    <w:rsid w:val="00795498"/>
    <w:rsid w:val="007A2B70"/>
    <w:rsid w:val="00807F09"/>
    <w:rsid w:val="008202BD"/>
    <w:rsid w:val="008C6A31"/>
    <w:rsid w:val="008E4A5D"/>
    <w:rsid w:val="009F7D7F"/>
    <w:rsid w:val="00A31CD6"/>
    <w:rsid w:val="00A43DEB"/>
    <w:rsid w:val="00A57E19"/>
    <w:rsid w:val="00A82849"/>
    <w:rsid w:val="00BD4790"/>
    <w:rsid w:val="00BE4553"/>
    <w:rsid w:val="00C4631B"/>
    <w:rsid w:val="00C830CE"/>
    <w:rsid w:val="00CA16A6"/>
    <w:rsid w:val="00D238C6"/>
    <w:rsid w:val="00DB2F99"/>
    <w:rsid w:val="00EB18D1"/>
    <w:rsid w:val="00ED0594"/>
    <w:rsid w:val="00EE1F62"/>
    <w:rsid w:val="00F5276F"/>
    <w:rsid w:val="00F8068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E1211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character" w:styleId="PageNumber">
    <w:name w:val="page number"/>
    <w:basedOn w:val="DefaultParagraphFont"/>
    <w:uiPriority w:val="21"/>
    <w:rsid w:val="00A43DEB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AA1D3AFA85FC48CE9D0FFD08779B3C91">
    <w:name w:val="AA1D3AFA85FC48CE9D0FFD08779B3C91"/>
    <w:rsid w:val="004023DB"/>
  </w:style>
  <w:style w:type="paragraph" w:customStyle="1" w:styleId="3161A47F802C4504AED72A694ADB63B9">
    <w:name w:val="3161A47F802C4504AED72A694ADB63B9"/>
    <w:rsid w:val="004023DB"/>
  </w:style>
  <w:style w:type="paragraph" w:customStyle="1" w:styleId="95995A4382CE4048BA44AD70FB269974">
    <w:name w:val="95995A4382CE4048BA44AD70FB269974"/>
    <w:rsid w:val="004023DB"/>
  </w:style>
  <w:style w:type="paragraph" w:customStyle="1" w:styleId="9E76C01CBD204A88A8CB6E21AF80787B">
    <w:name w:val="9E76C01CBD204A88A8CB6E21AF80787B"/>
    <w:rsid w:val="00A57E19"/>
  </w:style>
  <w:style w:type="paragraph" w:customStyle="1" w:styleId="58248D16F9014E7C9952F9B4867FA1B5">
    <w:name w:val="58248D16F9014E7C9952F9B4867FA1B5"/>
    <w:rsid w:val="00A57E19"/>
  </w:style>
  <w:style w:type="paragraph" w:customStyle="1" w:styleId="AA1D3AFA85FC48CE9D0FFD08779B3C911">
    <w:name w:val="AA1D3AFA85FC48CE9D0FFD08779B3C911"/>
    <w:rsid w:val="00A57E1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11">
    <w:name w:val="E5CF33444FE14EC094CFB88989C4C5A511"/>
    <w:rsid w:val="00A57E1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7BE0ECA4BFA44A839DEA1CBDCDE386C88">
    <w:name w:val="7BE0ECA4BFA44A839DEA1CBDCDE386C88"/>
    <w:rsid w:val="00A57E1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79CE94459AC4D03B44BCE5C4A7FF3791">
    <w:name w:val="F79CE94459AC4D03B44BCE5C4A7FF3791"/>
    <w:rsid w:val="00A57E1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0E495B09D7C041F288A76D0A888E5FCE">
    <w:name w:val="0E495B09D7C041F288A76D0A888E5FCE"/>
    <w:rsid w:val="00A57E1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AA1D3AFA85FC48CE9D0FFD08779B3C912">
    <w:name w:val="AA1D3AFA85FC48CE9D0FFD08779B3C912"/>
    <w:rsid w:val="00A57E1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5CF33444FE14EC094CFB88989C4C5A512">
    <w:name w:val="E5CF33444FE14EC094CFB88989C4C5A512"/>
    <w:rsid w:val="00A57E1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val="da-DK"/>
    </w:rPr>
  </w:style>
  <w:style w:type="paragraph" w:customStyle="1" w:styleId="7BE0ECA4BFA44A839DEA1CBDCDE386C89">
    <w:name w:val="7BE0ECA4BFA44A839DEA1CBDCDE386C89"/>
    <w:rsid w:val="00A57E1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F79CE94459AC4D03B44BCE5C4A7FF3792">
    <w:name w:val="F79CE94459AC4D03B44BCE5C4A7FF3792"/>
    <w:rsid w:val="00A57E1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0E495B09D7C041F288A76D0A888E5FCE1">
    <w:name w:val="0E495B09D7C041F288A76D0A888E5FCE1"/>
    <w:rsid w:val="00A57E19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21B3B4C3884541FDAB76FFB9A1143F4F">
    <w:name w:val="21B3B4C3884541FDAB76FFB9A1143F4F"/>
    <w:rsid w:val="00EE1F62"/>
  </w:style>
  <w:style w:type="paragraph" w:customStyle="1" w:styleId="F590D87354834FC091CB08A418659A8A">
    <w:name w:val="F590D87354834FC091CB08A418659A8A"/>
    <w:rsid w:val="00EE1F62"/>
  </w:style>
  <w:style w:type="paragraph" w:customStyle="1" w:styleId="6C56A8853FAF4C36B6EEBBC96723292C">
    <w:name w:val="6C56A8853FAF4C36B6EEBBC96723292C"/>
    <w:rsid w:val="004113A9"/>
  </w:style>
  <w:style w:type="paragraph" w:customStyle="1" w:styleId="243700D78C3E49C7AEA4810CF010098F">
    <w:name w:val="243700D78C3E49C7AEA4810CF010098F"/>
    <w:rsid w:val="003E1211"/>
  </w:style>
  <w:style w:type="paragraph" w:customStyle="1" w:styleId="D847B7CF23AD498EBF32EF4A58BC1290">
    <w:name w:val="D847B7CF23AD498EBF32EF4A58BC1290"/>
    <w:rsid w:val="0005625C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B854EB8B5F2347B6BF203A4D6593BB7F">
    <w:name w:val="B854EB8B5F2347B6BF203A4D6593BB7F"/>
    <w:rsid w:val="0005625C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E96F0D31189F499FA37660DAE9B9D16C">
    <w:name w:val="E96F0D31189F499FA37660DAE9B9D16C"/>
    <w:rsid w:val="00A43DEB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  <w:style w:type="paragraph" w:customStyle="1" w:styleId="0AA9B2AB112A4DAEAC2218D95E4FB18C">
    <w:name w:val="0AA9B2AB112A4DAEAC2218D95E4FB18C"/>
    <w:rsid w:val="00A43DEB"/>
    <w:pPr>
      <w:spacing w:after="0" w:line="280" w:lineRule="atLeast"/>
    </w:pPr>
    <w:rPr>
      <w:rFonts w:ascii="Arial" w:eastAsiaTheme="minorHAnsi" w:hAnsi="Arial" w:cs="Verdana"/>
      <w:sz w:val="20"/>
      <w:szCs w:val="20"/>
      <w:lang w:val="da-DK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richTextContentControl","id":"0f62da1e-39b4-4afc-aae4-3d0a22421bf2","elementConfiguration":{"binding":"Translations.indkaldelse","removeAndKeepContent":false,"disableUpdates":false,"type":"text"}},{"type":"richTextContentControl","id":"1ac86356-171f-4d05-a5d3-c3c9683cc469","elementConfiguration":{"binding":"Form.Classification.Displayname_{{DocumentLanguage}}","visibility":{"action":"hide","operator":"equals","compareValue":""},"removeAndKeepContent":false,"disableUpdates":false,"type":"text"}},{"type":"richTextContentControl","id":"780da24e-d08d-42a7-b8a2-180c0d524ada","elementConfiguration":{"binding":"Translations.Deltagere","removeAndKeepContent":false,"disableUpdates":false,"type":"text"}},{"type":"richTextContentControl","id":"8f250c5e-35f2-4416-a866-8b879b9c275e","elementConfiguration":{"binding":"Translations.Dagsorden","removeAndKeepContent":false,"disableUpdates":false,"type":"text"}},{"type":"richTextContentControl","id":"532a1599-5157-440d-a96a-c7445b18cd52","elementConfiguration":{"binding":"Form.Classification.Displayname_{{DocumentLanguage}}","visibility":{"action":"hide","operator":"equals","compareValue":""},"removeAndKeepContent":false,"disableUpdates":false,"type":"text"}},{"type":"richTextContentControl","id":"e1e25240-f386-41e0-b8d5-ee9b22994c0b","elementConfiguration":{"binding":"Form.Classification.Displayname_{{DocumentLanguage}}","visibility":{"action":"hide","operator":"equals","compareValue":""},"removeAndKeepContent":false,"disableUpdates":false,"type":"text"}},{"type":"richTextContentControl","id":"c15a04aa-6c22-4379-907f-4f9da211f9ee","elementConfiguration":{"format":"{{DateFormats.GeneralDate}}","binding":"Form.Date","removeAndKeepContent":false,"disableUpdates":false,"type":"date"}},{"type":"richTextContentControl","id":"7aa4dae3-1d9b-4c4d-ace7-f2d6ab20c8a2","elementConfiguration":{"visibility":{"action":"hide","binding":"Form.JournalNr","operator":"equals","compareValue":"","compareValues":[]},"disableUpdates":false,"type":"group"}},{"type":"richTextContentControl","id":"b81f2452-0f60-4dc1-ae5b-48773d4b0d60","elementConfiguration":{"binding":"Translations.JournalNo","removeAndKeepContent":false,"disableUpdates":false,"type":"text"}},{"type":"richTextContentControl","id":"d3104089-749b-45b5-aeb2-960a4919eca9","elementConfiguration":{"binding":"Form.JournalNr","visibility":{"action":"hide","operator":"equals","compareValue":""},"removeAndKeepContent":false,"disableUpdates":false,"type":"text"}},{"type":"richTextContentControl","id":"ca9891fe-c763-40c3-98b8-aaf03fc85f27","elementConfiguration":{"binding":"UserProfile.Initials","visibility":{"action":"hide","operator":"equals","compareValue":""},"removeAndKeepContent":false,"disableUpdates":false,"type":"text"}},{"type":"richTextContentControl","id":"e1b3bb01-1d58-4bb4-8d3f-8be77d29c812","elementConfiguration":{"format":"{{DateFormats.GeneralDate}}","binding":"Form.Date","removeAndKeepContent":false,"disableUpdates":false,"type":"date"}},{"type":"richTextContentControl","id":"efda65ec-ac9c-49d3-832a-0a5f0a7a2837","elementConfiguration":{"visibility":{"action":"hide","binding":"Form.JournalNr","operator":"equals","compareValue":"","compareValues":[]},"disableUpdates":false,"type":"group"}},{"type":"richTextContentControl","id":"4591323d-d1fe-4984-a2a3-490fd9a58327","elementConfiguration":{"binding":"Translations.JournalNo","removeAndKeepContent":false,"disableUpdates":false,"type":"text"}},{"type":"richTextContentControl","id":"c4750969-35f3-40a8-a6ec-5e8c4ce92bbc","elementConfiguration":{"binding":"Form.JournalNr","visibility":{"action":"hide","operator":"equals","compareValue":""},"removeAndKeepContent":false,"disableUpdates":false,"type":"text"}},{"type":"richTextContentControl","id":"0a664b5a-71a8-4ff9-89a9-fae5b356c4b2","elementConfiguration":{"binding":"UserProfile.Initials","visibility":{"action":"hide","operator":"equals","compareValue":""},"removeAndKeepContent":false,"disableUpdates":false,"type":"text"}},{"type":"richTextContentControl","id":"a594213b-ceb1-4628-985c-fe46dbd2fd9b","elementConfiguration":{"binding":"UserProfile.Offices.Workarea_{{DocumentLanguage}}","visibility":{"action":"hide","operator":"equals","compareValue":""},"removeAndKeepContent":false,"disableUpdates":false,"type":"text"}},{"type":"richTextContentControl","id":"f8d6e8ce-5123-4417-98e4-0350e6da13f6","elementConfiguration":{"binding":"UserProfile.Offices.Name_{{DocumentLanguage}}","visibility":{"action":"hide","operator":"equals","compareValue":""},"removeAndKeepContent":false,"disableUpdates":false,"type":"text"}},{"type":"richTextContentControl","id":"af1c08fe-007a-4676-8b87-56e35bb1c116","elementConfiguration":{"binding":"UserProfile.Offices.Address_{{DocumentLanguage}}","visibility":{"action":"hide","operator":"equals","compareValue":""},"removeAndKeepContent":false,"disableUpdates":false,"type":"text"}},{"type":"richTextContentControl","id":"fbbc50a0-5960-4d19-96d9-4d90ae5e6099","elementConfiguration":{"binding":"UserProfile.Offices.Department_{{DocumentLanguage}}","visibility":{"action":"hide","operator":"equals","compareValue":""},"removeAndKeepContent":false,"disableUpdates":false,"type":"text"}},{"type":"richTextContentControl","id":"f837ff92-0118-486b-a693-33d6d9e392be","elementConfiguration":{"binding":"UserProfile.Offices.City_{{DocumentLanguage}}","visibility":{"action":"hide","operator":"equals","compareValue":""},"removeAndKeepContent":false,"disableUpdates":false,"type":"text"}},{"type":"richTextContentControl","id":"dcbaf7ff-cefb-4b1d-afa8-bfd3aef7443d","elementConfiguration":{"visibility":{"action":"hide","binding":"UserProfile.Offices.Phone","operator":"equals","compareValue":""},"disableUpdates":false,"type":"group"}},{"type":"richTextContentControl","id":"b84b4bdc-d5ce-4d23-af3e-d59569d67ee0","elementConfiguration":{"binding":"Translations.Tlf","removeAndKeepContent":false,"disableUpdates":false,"type":"text"}},{"type":"richTextContentControl","id":"0213c5ef-d500-40a1-87a2-737d0fa42332","elementConfiguration":{"binding":"Translations.Plus45","removeAndKeepContent":false,"disableUpdates":false,"type":"text"}},{"type":"richTextContentControl","id":"4ccbf456-997d-4071-8ee3-e7f60bd10a82","elementConfiguration":{"binding":"UserProfile.Offices.Phone","visibility":{"action":"hide","operator":"equals","compareValue":""},"removeAndKeepContent":false,"disableUpdates":false,"type":"text"}},{"type":"richTextContentControl","id":"2b91cd11-42ef-4941-993e-e8e880759a8a","elementConfiguration":{"visibility":{"action":"hide","binding":"UserProfile.DirectPhone","operator":"equals","compareValue":""},"disableUpdates":false,"type":"group"}},{"type":"richTextContentControl","id":"072d0b78-1931-4cbe-a543-5580edeff9cd","elementConfiguration":{"binding":"Translations.Dir","removeAndKeepContent":false,"disableUpdates":false,"type":"text"}},{"type":"richTextContentControl","id":"07e0a147-52d7-41e7-b16d-3b97d91672b9","elementConfiguration":{"binding":"Translations.Plus45","removeAndKeepContent":false,"disableUpdates":false,"type":"text"}},{"type":"richTextContentControl","id":"acf74edb-29a8-4fd1-bb7e-15415e2f7fa0","elementConfiguration":{"binding":"UserProfile.DirectPhone","visibility":{"action":"hide","operator":"equals","compareValue":""},"removeAndKeepContent":false,"disableUpdates":false,"type":"text"}},{"type":"richTextContentControl","id":"d4beab26-3c40-4f8c-b0b0-ef712a2a1042","elementConfiguration":{"visibility":{"action":"hide","binding":"UserProfile.Offices.Fax","operator":"equals","compareValue":""},"disableUpdates":false,"type":"group"}},{"type":"richTextContentControl","id":"55503fd6-afcb-4e2c-b547-f1d9177e2bfe","elementConfiguration":{"binding":"Translations.Fax","removeAndKeepContent":false,"disableUpdates":false,"type":"text"}},{"type":"richTextContentControl","id":"ebfa7757-ad24-4840-90f7-04d530b76022","elementConfiguration":{"binding":"Translations.Plus45","removeAndKeepContent":false,"disableUpdates":false,"type":"text"}},{"type":"richTextContentControl","id":"cdddce21-d074-43dc-9ce6-14ba549cb300","elementConfiguration":{"binding":"UserProfile.Offices.Fax","removeAndKeepContent":false,"disableUpdates":false,"type":"text"}},{"type":"richTextContentControl","id":"6b1e8bea-9be9-46b7-8eba-3a57ecae6988","elementConfiguration":{"binding":"UserProfile.Email","visibility":{"action":"hide","operator":"equals","compareValue":""},"removeAndKeepContent":false,"disableUpdates":false,"type":"text"}},{"type":"richTextContentControl","id":"41a5ddca-9ce3-4e0a-a933-737f21fc70ee","elementConfiguration":{"binding":"UserProfile.Offices.Web","visibility":{"action":"hide","operator":"equals","compareValue":""},"removeAndKeepContent":false,"disableUpdates":false,"type":"text"}},{"type":"richTextContentControl","id":"31db8cf5-ec7b-47f4-90b0-9f3336f3e262","elementConfiguration":{"binding":"Translations.CVR","visibility":{"action":"hide","binding":"UserProfile.Offices.Cvr","operator":"equals","compareValue":""},"removeAndKeepContent":false,"disableUpdates":false,"type":"text"}},{"type":"richTextContentControl","id":"3bdf36e5-61bd-4bce-8850-298fb43a14d3","elementConfiguration":{"binding":"UserProfile.Offices.Cvr","visibility":{"action":"hide","operator":"equals","compareValue":""},"removeAndKeepContent":false,"disableUpdates":false,"type":"text"}},{"type":"richTextContentControl","id":"b5e41805-74aa-4ef8-9566-b8ecfe990165","elementConfiguration":{"binding":"Translations.CVR","visibility":{"action":"hide","binding":"UserProfile.Offices.Cvr","operator":"equals","compareValue":""},"removeAndKeepContent":false,"disableUpdates":false,"type":"text"}},{"type":"richTextContentControl","id":"262367dc-afb6-40a5-93c6-218bc0ee92b9","elementConfiguration":{"binding":"UserProfile.Offices.Cvr","visibility":{"action":"hide","operator":"equals","compareValue":""},"removeAndKeepContent":false,"disableUpdates":false,"type":"text"}},{"type":"richTextContentControl","id":"34d50fb8-1854-4a61-9d15-feb562fc3353","elementConfiguration":{"binding":"Translations.Page","removeAndKeepContent":false,"disableUpdates":false,"type":"text"}},{"type":"richTextContentControl","id":"08c0a98d-337a-4f65-9adb-5933344154e4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Mødeindkaldelse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Tj2zNhy65n/RBPWqF8eCQg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0B6389E7-97D4-4330-BDEE-9D98615B3A2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312</TotalTime>
  <Pages>2</Pages>
  <Words>242</Words>
  <Characters>1386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Mødeindkaldelse</vt:lpstr>
    </vt:vector>
  </TitlesOfParts>
  <Company/>
  <LinksUpToDate>false</LinksUpToDate>
  <CharactersWithSpaces>16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ødeindkaldelse</dc:title>
  <dc:creator>Ditte Kirstine Andersen</dc:creator>
  <cp:lastModifiedBy>Ditte Kirstine Andersen</cp:lastModifiedBy>
  <cp:revision>9</cp:revision>
  <cp:lastPrinted>2023-04-13T12:55:00Z</cp:lastPrinted>
  <dcterms:created xsi:type="dcterms:W3CDTF">2023-03-21T10:22:00Z</dcterms:created>
  <dcterms:modified xsi:type="dcterms:W3CDTF">2023-04-13T13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58476183</vt:lpwstr>
  </property>
  <property fmtid="{D5CDD505-2E9C-101B-9397-08002B2CF9AE}" pid="4" name="TemplafyUserProfileId">
    <vt:lpwstr>637118176699306727</vt:lpwstr>
  </property>
  <property fmtid="{D5CDD505-2E9C-101B-9397-08002B2CF9AE}" pid="5" name="TemplafyLanguageCode">
    <vt:lpwstr>da-DK</vt:lpwstr>
  </property>
</Properties>
</file>